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ec\s1386\04_子育て支援人材グループ\80_保育賞\R8\04_保育賞推薦依頼\01_起案\"/>
    </mc:Choice>
  </mc:AlternateContent>
  <xr:revisionPtr revIDLastSave="0" documentId="13_ncr:1_{38EE35B5-EBE9-4ED7-8654-5668608A1384}" xr6:coauthVersionLast="47" xr6:coauthVersionMax="47" xr10:uidLastSave="{00000000-0000-0000-0000-000000000000}"/>
  <bookViews>
    <workbookView xWindow="-108" yWindow="-108" windowWidth="23256" windowHeight="13896" xr2:uid="{00000000-000D-0000-FFFF-FFFF00000000}"/>
  </bookViews>
  <sheets>
    <sheet name="様式４号別紙" sheetId="1" r:id="rId1"/>
    <sheet name="記入例" sheetId="4" r:id="rId2"/>
  </sheets>
  <definedNames>
    <definedName name="_xlnm.Print_Area" localSheetId="1">記入例!$A$1:$F$38</definedName>
    <definedName name="_xlnm.Print_Area" localSheetId="0">様式４号別紙!$A$1:$F$39</definedName>
  </definedNames>
  <calcPr calcId="92512"/>
</workbook>
</file>

<file path=xl/sharedStrings.xml><?xml version="1.0" encoding="utf-8"?>
<sst xmlns="http://schemas.openxmlformats.org/spreadsheetml/2006/main" count="52" uniqueCount="40">
  <si>
    <t>推薦</t>
  </si>
  <si>
    <t>順位</t>
  </si>
  <si>
    <t>候 補 者 名</t>
  </si>
  <si>
    <t>(保育所名)</t>
  </si>
  <si>
    <t xml:space="preserve"> 市町村長の意見</t>
  </si>
  <si>
    <t>過去の</t>
  </si>
  <si>
    <t>推せん</t>
  </si>
  <si>
    <t>状　況</t>
  </si>
  <si>
    <t xml:space="preserve">  地域に貢献した度合い、</t>
    <phoneticPr fontId="7"/>
  </si>
  <si>
    <t>　市町村保育行政とのかかわり</t>
    <phoneticPr fontId="7"/>
  </si>
  <si>
    <t>そ　の　他</t>
    <phoneticPr fontId="7"/>
  </si>
  <si>
    <t>推薦順位の理由(候補者が複数いる場合は必ず記入すること）</t>
    <rPh sb="8" eb="11">
      <t>コウホシャ</t>
    </rPh>
    <rPh sb="12" eb="14">
      <t>フクスウ</t>
    </rPh>
    <rPh sb="16" eb="18">
      <t>バアイ</t>
    </rPh>
    <rPh sb="19" eb="20">
      <t>カナラ</t>
    </rPh>
    <rPh sb="21" eb="23">
      <t>キニュウ</t>
    </rPh>
    <phoneticPr fontId="7"/>
  </si>
  <si>
    <t>市町村の推薦調書の記入例</t>
  </si>
  <si>
    <t>Ａ氏</t>
  </si>
  <si>
    <t>推薦順位第２位のＢ氏に比べ勤続年数は少ないが、保育所における被虐待児の援助について積極的に取組み、その経験を保育士会での研究活動等を通じて、他の保育所の保育士への助言を行うなど、当市の保育行政における貢献度が大きいと考えており、推薦順位１位としている。　</t>
    <rPh sb="0" eb="2">
      <t>スイセン</t>
    </rPh>
    <rPh sb="30" eb="31">
      <t>ヒ</t>
    </rPh>
    <rPh sb="35" eb="37">
      <t>エンジョ</t>
    </rPh>
    <rPh sb="41" eb="44">
      <t>セッキョクテキ</t>
    </rPh>
    <rPh sb="45" eb="47">
      <t>トリクミ</t>
    </rPh>
    <rPh sb="51" eb="53">
      <t>ケイケン</t>
    </rPh>
    <rPh sb="54" eb="57">
      <t>ホイクシ</t>
    </rPh>
    <rPh sb="57" eb="58">
      <t>カイ</t>
    </rPh>
    <rPh sb="60" eb="62">
      <t>ケンキュウ</t>
    </rPh>
    <rPh sb="62" eb="64">
      <t>カツドウ</t>
    </rPh>
    <rPh sb="64" eb="65">
      <t>トウ</t>
    </rPh>
    <rPh sb="66" eb="67">
      <t>ツウ</t>
    </rPh>
    <rPh sb="76" eb="79">
      <t>ホイクシ</t>
    </rPh>
    <rPh sb="81" eb="83">
      <t>ジョゲン</t>
    </rPh>
    <rPh sb="84" eb="85">
      <t>オコナ</t>
    </rPh>
    <rPh sb="89" eb="90">
      <t>トウ</t>
    </rPh>
    <rPh sb="92" eb="94">
      <t>ホイク</t>
    </rPh>
    <rPh sb="94" eb="96">
      <t>ギョウセイ</t>
    </rPh>
    <rPh sb="108" eb="109">
      <t>カンガ</t>
    </rPh>
    <phoneticPr fontId="7"/>
  </si>
  <si>
    <r>
      <t>1</t>
    </r>
    <r>
      <rPr>
        <sz val="10.5"/>
        <rFont val="ＭＳ Ｐ明朝"/>
        <family val="1"/>
        <charset val="128"/>
      </rPr>
      <t>回</t>
    </r>
    <rPh sb="1" eb="2">
      <t>カイ</t>
    </rPh>
    <phoneticPr fontId="7"/>
  </si>
  <si>
    <t>Ｂ氏</t>
  </si>
  <si>
    <t>当保育所では、障害児の保育にあたり、Ｂ保育士の提案により園でのケース会議に知的障害児入所施設職員の参加を依頼している。Ｂは主任保育士として、それらケース会議の取りまとめや、会議後の保育方法の検討を中心になっている。また、障害児が小学校に入学するにあたり、本人の特性や援助方法について、丁寧に引き継ぎ、小学校における会議に要請があれば参加するなど卒園後の障害児の援助にも貢献している。　　　</t>
    <rPh sb="1" eb="4">
      <t>ホイクジョ</t>
    </rPh>
    <rPh sb="19" eb="22">
      <t>ホイクシ</t>
    </rPh>
    <rPh sb="23" eb="25">
      <t>テイアン</t>
    </rPh>
    <rPh sb="37" eb="39">
      <t>チテキ</t>
    </rPh>
    <rPh sb="39" eb="42">
      <t>ショウガイジ</t>
    </rPh>
    <rPh sb="44" eb="46">
      <t>シセツ</t>
    </rPh>
    <rPh sb="90" eb="92">
      <t>ホイク</t>
    </rPh>
    <rPh sb="110" eb="113">
      <t>ショウガイジ</t>
    </rPh>
    <rPh sb="114" eb="117">
      <t>ショウガッコウ</t>
    </rPh>
    <rPh sb="118" eb="120">
      <t>ニュウガク</t>
    </rPh>
    <rPh sb="127" eb="129">
      <t>ホンニン</t>
    </rPh>
    <rPh sb="130" eb="132">
      <t>トクセイ</t>
    </rPh>
    <rPh sb="133" eb="135">
      <t>エンジョ</t>
    </rPh>
    <rPh sb="135" eb="137">
      <t>ホウホウ</t>
    </rPh>
    <rPh sb="142" eb="144">
      <t>テイネイ</t>
    </rPh>
    <rPh sb="145" eb="146">
      <t>ヒ</t>
    </rPh>
    <rPh sb="147" eb="148">
      <t>ツ</t>
    </rPh>
    <rPh sb="150" eb="153">
      <t>ショウガッコウ</t>
    </rPh>
    <rPh sb="157" eb="159">
      <t>カイギ</t>
    </rPh>
    <rPh sb="160" eb="162">
      <t>ヨウセイ</t>
    </rPh>
    <rPh sb="166" eb="168">
      <t>サンカ</t>
    </rPh>
    <rPh sb="172" eb="174">
      <t>ソツエン</t>
    </rPh>
    <rPh sb="174" eb="175">
      <t>ゴ</t>
    </rPh>
    <rPh sb="176" eb="179">
      <t>ショウガイジ</t>
    </rPh>
    <rPh sb="180" eb="182">
      <t>エンジョ</t>
    </rPh>
    <rPh sb="184" eb="186">
      <t>コウケン</t>
    </rPh>
    <phoneticPr fontId="7"/>
  </si>
  <si>
    <t>Ｃ氏と勤続年数、年齢、推薦状況ともに同じであるが、Ｂ氏は障害児保育について地道に取り組み、当市における障害児の処遇向上に貢献するなどの業績から推薦順位２位とする。</t>
    <rPh sb="1" eb="2">
      <t>シ</t>
    </rPh>
    <rPh sb="3" eb="5">
      <t>キンゾク</t>
    </rPh>
    <rPh sb="5" eb="7">
      <t>ネンスウ</t>
    </rPh>
    <rPh sb="8" eb="10">
      <t>ネンレイ</t>
    </rPh>
    <rPh sb="11" eb="13">
      <t>スイセン</t>
    </rPh>
    <rPh sb="13" eb="15">
      <t>ジョウキョウ</t>
    </rPh>
    <rPh sb="18" eb="19">
      <t>オナ</t>
    </rPh>
    <rPh sb="26" eb="27">
      <t>シ</t>
    </rPh>
    <rPh sb="28" eb="31">
      <t>ショウガイジ</t>
    </rPh>
    <rPh sb="31" eb="33">
      <t>ホイク</t>
    </rPh>
    <rPh sb="37" eb="39">
      <t>ジミチ</t>
    </rPh>
    <rPh sb="40" eb="41">
      <t>ト</t>
    </rPh>
    <rPh sb="42" eb="43">
      <t>ク</t>
    </rPh>
    <rPh sb="45" eb="47">
      <t>トウシ</t>
    </rPh>
    <rPh sb="51" eb="54">
      <t>ショウガイジ</t>
    </rPh>
    <rPh sb="55" eb="57">
      <t>ショグウ</t>
    </rPh>
    <rPh sb="57" eb="59">
      <t>コウジョウ</t>
    </rPh>
    <rPh sb="60" eb="62">
      <t>コウケン</t>
    </rPh>
    <rPh sb="67" eb="69">
      <t>ギョウセキ</t>
    </rPh>
    <rPh sb="71" eb="73">
      <t>スイセン</t>
    </rPh>
    <rPh sb="73" eb="75">
      <t>ジュンイ</t>
    </rPh>
    <rPh sb="76" eb="77">
      <t>イ</t>
    </rPh>
    <phoneticPr fontId="7"/>
  </si>
  <si>
    <t>2回</t>
    <rPh sb="1" eb="2">
      <t>カイ</t>
    </rPh>
    <phoneticPr fontId="7"/>
  </si>
  <si>
    <t>（社会福祉法人</t>
  </si>
  <si>
    <t>Ｃ氏</t>
  </si>
  <si>
    <t>1回</t>
    <rPh sb="1" eb="2">
      <t>カイ</t>
    </rPh>
    <phoneticPr fontId="7"/>
  </si>
  <si>
    <t>（○○市）</t>
  </si>
  <si>
    <t xml:space="preserve">  地域に貢献した度合い、</t>
    <phoneticPr fontId="7"/>
  </si>
  <si>
    <t>　市町村保育行政とのかかわり</t>
    <phoneticPr fontId="7"/>
  </si>
  <si>
    <t>（社会福祉法人　</t>
    <phoneticPr fontId="7"/>
  </si>
  <si>
    <t>　　　　○○会）</t>
    <phoneticPr fontId="7"/>
  </si>
  <si>
    <t>　○○□会）</t>
    <phoneticPr fontId="7"/>
  </si>
  <si>
    <t>そ　の　他</t>
    <phoneticPr fontId="7"/>
  </si>
  <si>
    <t>別紙</t>
    <rPh sb="0" eb="2">
      <t>ベッシ</t>
    </rPh>
    <phoneticPr fontId="7"/>
  </si>
  <si>
    <t>　当市の保育士会で平成１４年度から研修担当として、保育士の資質向上のため、各種の研修等を企画・開催した。特に平成１５年度については、処遇困難児の保育について研究会を発足し、その成果を市保育士大会において発表した。また、それ以後も、自主的な研究活動として、処遇困難児の保育についての研究活動を行っている。その活動を通して、市内の各保育所から処遇困難な園児の対応についての相談を受け、自ら経験を踏まえながら親切・丁寧にアドバイスを行っている。</t>
    <rPh sb="9" eb="11">
      <t>ヘイセイ</t>
    </rPh>
    <rPh sb="13" eb="15">
      <t>ネンド</t>
    </rPh>
    <rPh sb="42" eb="43">
      <t>トウ</t>
    </rPh>
    <rPh sb="47" eb="49">
      <t>カイサイ</t>
    </rPh>
    <rPh sb="52" eb="53">
      <t>トク</t>
    </rPh>
    <rPh sb="54" eb="56">
      <t>ヘイセイ</t>
    </rPh>
    <rPh sb="58" eb="60">
      <t>ネンド</t>
    </rPh>
    <rPh sb="66" eb="68">
      <t>ショグウ</t>
    </rPh>
    <rPh sb="68" eb="70">
      <t>コンナン</t>
    </rPh>
    <rPh sb="70" eb="71">
      <t>ジ</t>
    </rPh>
    <rPh sb="72" eb="74">
      <t>ホイク</t>
    </rPh>
    <rPh sb="78" eb="80">
      <t>ケンキュウ</t>
    </rPh>
    <rPh sb="80" eb="81">
      <t>カイ</t>
    </rPh>
    <rPh sb="82" eb="84">
      <t>ホッソク</t>
    </rPh>
    <rPh sb="88" eb="90">
      <t>セイカ</t>
    </rPh>
    <rPh sb="91" eb="92">
      <t>シ</t>
    </rPh>
    <rPh sb="92" eb="95">
      <t>ホイクシ</t>
    </rPh>
    <rPh sb="95" eb="97">
      <t>タイカイ</t>
    </rPh>
    <rPh sb="101" eb="102">
      <t>ハツ</t>
    </rPh>
    <rPh sb="102" eb="103">
      <t>ヒョウ</t>
    </rPh>
    <rPh sb="111" eb="113">
      <t>イゴ</t>
    </rPh>
    <rPh sb="115" eb="118">
      <t>ジシュテキ</t>
    </rPh>
    <rPh sb="119" eb="121">
      <t>ケンキュウ</t>
    </rPh>
    <rPh sb="121" eb="123">
      <t>カツドウ</t>
    </rPh>
    <rPh sb="127" eb="129">
      <t>ショグウ</t>
    </rPh>
    <rPh sb="129" eb="131">
      <t>コンナン</t>
    </rPh>
    <rPh sb="131" eb="132">
      <t>ジ</t>
    </rPh>
    <rPh sb="133" eb="135">
      <t>ホイク</t>
    </rPh>
    <rPh sb="140" eb="142">
      <t>ケンキュウ</t>
    </rPh>
    <rPh sb="142" eb="144">
      <t>カツドウ</t>
    </rPh>
    <rPh sb="145" eb="146">
      <t>オコナ</t>
    </rPh>
    <rPh sb="153" eb="155">
      <t>カツドウ</t>
    </rPh>
    <rPh sb="156" eb="157">
      <t>ツウ</t>
    </rPh>
    <rPh sb="164" eb="167">
      <t>ホイクショ</t>
    </rPh>
    <rPh sb="187" eb="188">
      <t>ウ</t>
    </rPh>
    <rPh sb="190" eb="191">
      <t>ミズカ</t>
    </rPh>
    <rPh sb="192" eb="194">
      <t>ケイケン</t>
    </rPh>
    <rPh sb="195" eb="196">
      <t>フ</t>
    </rPh>
    <rPh sb="201" eb="203">
      <t>シンセツ</t>
    </rPh>
    <phoneticPr fontId="7"/>
  </si>
  <si>
    <t>Ａ保育士は、平成12年度に主任保育士になって以来、被虐待児童の受け入れの際に児童相談所との調整を中心として行っている。また、被虐待児童の心の面でのケアや保護者に対する相談・指導も行うなど、児童虐待の問題に前向きに取り組んでいる。これにより、当該保育所は、地域における被虐待児のケアを行う福祉資源として重要な役割を担っている。
　また市保育士会での研究活動の場で、自らの経験を教授しており、当市の保育行政における貢献度は大きいと考えている。</t>
    <rPh sb="6" eb="8">
      <t>ヘイセイ</t>
    </rPh>
    <rPh sb="10" eb="12">
      <t>ネンド</t>
    </rPh>
    <rPh sb="22" eb="24">
      <t>イライ</t>
    </rPh>
    <rPh sb="25" eb="26">
      <t>ヒ</t>
    </rPh>
    <rPh sb="36" eb="37">
      <t>サイ</t>
    </rPh>
    <rPh sb="45" eb="47">
      <t>チョウセイ</t>
    </rPh>
    <rPh sb="53" eb="54">
      <t>オコナ</t>
    </rPh>
    <rPh sb="62" eb="63">
      <t>ヒ</t>
    </rPh>
    <rPh sb="63" eb="65">
      <t>ギャクタイ</t>
    </rPh>
    <rPh sb="65" eb="67">
      <t>ジドウ</t>
    </rPh>
    <rPh sb="68" eb="69">
      <t>ココロ</t>
    </rPh>
    <rPh sb="70" eb="71">
      <t>メン</t>
    </rPh>
    <rPh sb="76" eb="79">
      <t>ホゴシャ</t>
    </rPh>
    <rPh sb="80" eb="81">
      <t>タイ</t>
    </rPh>
    <rPh sb="83" eb="85">
      <t>ソウダン</t>
    </rPh>
    <rPh sb="86" eb="88">
      <t>シドウ</t>
    </rPh>
    <rPh sb="94" eb="96">
      <t>ジドウ</t>
    </rPh>
    <rPh sb="96" eb="98">
      <t>ギャクタイ</t>
    </rPh>
    <rPh sb="99" eb="101">
      <t>モンダイ</t>
    </rPh>
    <rPh sb="102" eb="104">
      <t>マエム</t>
    </rPh>
    <rPh sb="106" eb="107">
      <t>ト</t>
    </rPh>
    <rPh sb="108" eb="109">
      <t>ク</t>
    </rPh>
    <rPh sb="120" eb="122">
      <t>トウガイ</t>
    </rPh>
    <rPh sb="122" eb="125">
      <t>ホイクショ</t>
    </rPh>
    <rPh sb="133" eb="134">
      <t>ヒ</t>
    </rPh>
    <rPh sb="166" eb="167">
      <t>シ</t>
    </rPh>
    <rPh sb="167" eb="170">
      <t>ホイクシ</t>
    </rPh>
    <rPh sb="170" eb="171">
      <t>カイ</t>
    </rPh>
    <rPh sb="173" eb="175">
      <t>ケンキュウ</t>
    </rPh>
    <rPh sb="175" eb="177">
      <t>カツドウ</t>
    </rPh>
    <rPh sb="178" eb="179">
      <t>バ</t>
    </rPh>
    <rPh sb="181" eb="182">
      <t>ミズカ</t>
    </rPh>
    <rPh sb="184" eb="186">
      <t>ケイケン</t>
    </rPh>
    <rPh sb="187" eb="189">
      <t>キョウジュ</t>
    </rPh>
    <rPh sb="194" eb="196">
      <t>トウシ</t>
    </rPh>
    <rPh sb="197" eb="199">
      <t>ホイク</t>
    </rPh>
    <rPh sb="199" eb="201">
      <t>ギョウセイ</t>
    </rPh>
    <rPh sb="205" eb="207">
      <t>コウケン</t>
    </rPh>
    <rPh sb="207" eb="208">
      <t>ド</t>
    </rPh>
    <rPh sb="209" eb="210">
      <t>ダイ</t>
    </rPh>
    <rPh sb="213" eb="214">
      <t>カンガ</t>
    </rPh>
    <phoneticPr fontId="7"/>
  </si>
  <si>
    <t xml:space="preserve"> </t>
    <phoneticPr fontId="7"/>
  </si>
  <si>
    <t>市町村</t>
    <rPh sb="0" eb="3">
      <t>シチョウソン</t>
    </rPh>
    <phoneticPr fontId="7"/>
  </si>
  <si>
    <t>表彰受賞</t>
    <rPh sb="0" eb="2">
      <t>ヒョウショウ</t>
    </rPh>
    <rPh sb="2" eb="4">
      <t>ジュショウ</t>
    </rPh>
    <phoneticPr fontId="7"/>
  </si>
  <si>
    <t>の有無</t>
    <rPh sb="1" eb="3">
      <t>ウム</t>
    </rPh>
    <phoneticPr fontId="7"/>
  </si>
  <si>
    <t>○○市長表彰受賞
（平成○年）</t>
    <rPh sb="2" eb="6">
      <t>シチョウヒョウショウ</t>
    </rPh>
    <rPh sb="6" eb="8">
      <t>ジュショウ</t>
    </rPh>
    <rPh sb="10" eb="12">
      <t>ヘイセイ</t>
    </rPh>
    <rPh sb="13" eb="14">
      <t>ネン</t>
    </rPh>
    <phoneticPr fontId="7"/>
  </si>
  <si>
    <t>なし</t>
    <phoneticPr fontId="7"/>
  </si>
  <si>
    <t>○○町長表彰受賞
（令和○年）</t>
    <rPh sb="2" eb="4">
      <t>チョウチョウ</t>
    </rPh>
    <rPh sb="4" eb="6">
      <t>ヒョウショウ</t>
    </rPh>
    <rPh sb="6" eb="8">
      <t>ジュショウ</t>
    </rPh>
    <rPh sb="10" eb="12">
      <t>レイワ</t>
    </rPh>
    <rPh sb="13" eb="14">
      <t>ネン</t>
    </rPh>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font>
      <sz val="11"/>
      <name val="ＭＳ Ｐゴシック"/>
      <family val="3"/>
      <charset val="128"/>
    </font>
    <font>
      <sz val="10.5"/>
      <name val="Century"/>
      <family val="1"/>
    </font>
    <font>
      <b/>
      <sz val="12"/>
      <name val="ＭＳ 明朝"/>
      <family val="1"/>
      <charset val="128"/>
    </font>
    <font>
      <b/>
      <sz val="12"/>
      <name val="Century"/>
      <family val="1"/>
    </font>
    <font>
      <sz val="10.5"/>
      <name val="ＭＳ ゴシック"/>
      <family val="3"/>
      <charset val="128"/>
    </font>
    <font>
      <sz val="10.5"/>
      <name val="ＭＳ 明朝"/>
      <family val="1"/>
      <charset val="128"/>
    </font>
    <font>
      <sz val="10"/>
      <name val="ＭＳ 明朝"/>
      <family val="1"/>
      <charset val="128"/>
    </font>
    <font>
      <sz val="6"/>
      <name val="ＭＳ Ｐゴシック"/>
      <family val="3"/>
      <charset val="128"/>
    </font>
    <font>
      <sz val="10.5"/>
      <name val="ＭＳ Ｐ明朝"/>
      <family val="1"/>
      <charset val="128"/>
    </font>
    <font>
      <sz val="12"/>
      <name val="ＭＳ Ｐゴシック"/>
      <family val="3"/>
      <charset val="128"/>
    </font>
  </fonts>
  <fills count="2">
    <fill>
      <patternFill patternType="none"/>
    </fill>
    <fill>
      <patternFill patternType="gray125"/>
    </fill>
  </fills>
  <borders count="25">
    <border>
      <left/>
      <right/>
      <top/>
      <bottom/>
      <diagonal/>
    </border>
    <border>
      <left style="thin">
        <color indexed="8"/>
      </left>
      <right style="thin">
        <color indexed="8"/>
      </right>
      <top style="thin">
        <color indexed="8"/>
      </top>
      <bottom/>
      <diagonal/>
    </border>
    <border>
      <left style="thin">
        <color indexed="8"/>
      </left>
      <right style="thin">
        <color indexed="8"/>
      </right>
      <top/>
      <bottom/>
      <diagonal/>
    </border>
    <border>
      <left style="thin">
        <color indexed="8"/>
      </left>
      <right style="thin">
        <color indexed="8"/>
      </right>
      <top/>
      <bottom style="thin">
        <color indexed="64"/>
      </bottom>
      <diagonal/>
    </border>
    <border>
      <left/>
      <right style="thin">
        <color indexed="8"/>
      </right>
      <top style="thin">
        <color indexed="8"/>
      </top>
      <bottom/>
      <diagonal/>
    </border>
    <border>
      <left/>
      <right style="thin">
        <color indexed="8"/>
      </right>
      <top/>
      <bottom/>
      <diagonal/>
    </border>
    <border>
      <left/>
      <right style="thin">
        <color indexed="8"/>
      </right>
      <top/>
      <bottom style="thin">
        <color indexed="64"/>
      </bottom>
      <diagonal/>
    </border>
    <border>
      <left style="thin">
        <color indexed="8"/>
      </left>
      <right style="thin">
        <color indexed="8"/>
      </right>
      <top/>
      <bottom style="thin">
        <color indexed="8"/>
      </bottom>
      <diagonal/>
    </border>
    <border>
      <left/>
      <right style="thin">
        <color indexed="8"/>
      </right>
      <top style="thin">
        <color indexed="64"/>
      </top>
      <bottom/>
      <diagonal/>
    </border>
    <border>
      <left/>
      <right style="thin">
        <color indexed="8"/>
      </right>
      <top/>
      <bottom style="thin">
        <color indexed="8"/>
      </bottom>
      <diagonal/>
    </border>
    <border>
      <left/>
      <right/>
      <top style="thin">
        <color indexed="8"/>
      </top>
      <bottom/>
      <diagonal/>
    </border>
    <border>
      <left style="thin">
        <color indexed="8"/>
      </left>
      <right style="thin">
        <color indexed="8"/>
      </right>
      <top style="thin">
        <color indexed="64"/>
      </top>
      <bottom/>
      <diagonal/>
    </border>
    <border>
      <left style="thin">
        <color indexed="8"/>
      </left>
      <right/>
      <top style="thin">
        <color indexed="64"/>
      </top>
      <bottom/>
      <diagonal/>
    </border>
    <border>
      <left/>
      <right/>
      <top style="thin">
        <color indexed="64"/>
      </top>
      <bottom/>
      <diagonal/>
    </border>
    <border>
      <left style="thin">
        <color indexed="8"/>
      </left>
      <right/>
      <top/>
      <bottom style="thin">
        <color indexed="8"/>
      </bottom>
      <diagonal/>
    </border>
    <border>
      <left/>
      <right/>
      <top/>
      <bottom style="thin">
        <color indexed="8"/>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8"/>
      </left>
      <right style="thin">
        <color indexed="64"/>
      </right>
      <top style="thin">
        <color indexed="64"/>
      </top>
      <bottom/>
      <diagonal/>
    </border>
    <border>
      <left style="thin">
        <color indexed="8"/>
      </left>
      <right style="thin">
        <color indexed="64"/>
      </right>
      <top/>
      <bottom/>
      <diagonal/>
    </border>
    <border>
      <left style="thin">
        <color indexed="8"/>
      </left>
      <right style="thin">
        <color indexed="64"/>
      </right>
      <top/>
      <bottom style="thin">
        <color indexed="64"/>
      </bottom>
      <diagonal/>
    </border>
    <border>
      <left/>
      <right style="thin">
        <color indexed="64"/>
      </right>
      <top style="thin">
        <color indexed="64"/>
      </top>
      <bottom/>
      <diagonal/>
    </border>
    <border>
      <left/>
      <right style="thin">
        <color indexed="64"/>
      </right>
      <top/>
      <bottom style="thin">
        <color indexed="8"/>
      </bottom>
      <diagonal/>
    </border>
  </borders>
  <cellStyleXfs count="1">
    <xf numFmtId="0" fontId="0" fillId="0" borderId="0"/>
  </cellStyleXfs>
  <cellXfs count="77">
    <xf numFmtId="0" fontId="0" fillId="0" borderId="0" xfId="0"/>
    <xf numFmtId="0" fontId="1" fillId="0" borderId="0" xfId="0" applyFont="1"/>
    <xf numFmtId="0" fontId="3" fillId="0" borderId="0" xfId="0" applyFont="1" applyAlignment="1">
      <alignment horizontal="justify"/>
    </xf>
    <xf numFmtId="0" fontId="4" fillId="0" borderId="1" xfId="0" applyFont="1" applyBorder="1" applyAlignment="1">
      <alignment horizontal="justify" vertical="top" wrapText="1"/>
    </xf>
    <xf numFmtId="0" fontId="4" fillId="0" borderId="2" xfId="0" applyFont="1" applyBorder="1" applyAlignment="1">
      <alignment horizontal="justify" vertical="top" wrapText="1"/>
    </xf>
    <xf numFmtId="0" fontId="0" fillId="0" borderId="3" xfId="0" applyBorder="1" applyAlignment="1">
      <alignment vertical="top" wrapText="1"/>
    </xf>
    <xf numFmtId="0" fontId="4" fillId="0" borderId="4" xfId="0" applyFont="1" applyBorder="1" applyAlignment="1">
      <alignment horizontal="justify" vertical="top" wrapText="1"/>
    </xf>
    <xf numFmtId="0" fontId="4" fillId="0" borderId="5" xfId="0" applyFont="1" applyBorder="1" applyAlignment="1">
      <alignment horizontal="justify" vertical="top" wrapText="1"/>
    </xf>
    <xf numFmtId="0" fontId="0" fillId="0" borderId="6" xfId="0" applyBorder="1" applyAlignment="1">
      <alignment vertical="top" wrapText="1"/>
    </xf>
    <xf numFmtId="0" fontId="4" fillId="0" borderId="6" xfId="0" applyFont="1" applyBorder="1" applyAlignment="1">
      <alignment horizontal="justify" vertical="top" wrapText="1"/>
    </xf>
    <xf numFmtId="0" fontId="1" fillId="0" borderId="5" xfId="0" applyFont="1" applyBorder="1" applyAlignment="1">
      <alignment horizontal="justify" vertical="top" wrapText="1"/>
    </xf>
    <xf numFmtId="0" fontId="1" fillId="0" borderId="2" xfId="0" applyFont="1" applyBorder="1" applyAlignment="1">
      <alignment horizontal="justify" vertical="top" wrapText="1"/>
    </xf>
    <xf numFmtId="0" fontId="5" fillId="0" borderId="5" xfId="0" applyFont="1" applyBorder="1" applyAlignment="1">
      <alignment horizontal="justify" vertical="top" wrapText="1"/>
    </xf>
    <xf numFmtId="0" fontId="0" fillId="0" borderId="5" xfId="0" applyBorder="1" applyAlignment="1">
      <alignment vertical="top" wrapText="1"/>
    </xf>
    <xf numFmtId="0" fontId="6" fillId="0" borderId="5" xfId="0" applyFont="1" applyBorder="1" applyAlignment="1">
      <alignment horizontal="justify" vertical="top" wrapText="1"/>
    </xf>
    <xf numFmtId="0" fontId="5" fillId="0" borderId="6" xfId="0" applyFont="1" applyBorder="1" applyAlignment="1">
      <alignment horizontal="justify" vertical="top" wrapText="1"/>
    </xf>
    <xf numFmtId="0" fontId="1" fillId="0" borderId="7" xfId="0" applyFont="1" applyBorder="1" applyAlignment="1">
      <alignment horizontal="justify" vertical="top" wrapText="1"/>
    </xf>
    <xf numFmtId="0" fontId="1" fillId="0" borderId="8" xfId="0" applyFont="1" applyBorder="1" applyAlignment="1">
      <alignment horizontal="justify" vertical="top" wrapText="1"/>
    </xf>
    <xf numFmtId="0" fontId="5" fillId="0" borderId="8" xfId="0" applyFont="1" applyBorder="1" applyAlignment="1">
      <alignment horizontal="justify" vertical="top" wrapText="1"/>
    </xf>
    <xf numFmtId="0" fontId="0" fillId="0" borderId="9" xfId="0" applyBorder="1" applyAlignment="1">
      <alignment vertical="top" wrapText="1"/>
    </xf>
    <xf numFmtId="0" fontId="5" fillId="0" borderId="9" xfId="0" applyFont="1" applyBorder="1" applyAlignment="1">
      <alignment horizontal="justify" vertical="top" wrapText="1"/>
    </xf>
    <xf numFmtId="0" fontId="5" fillId="0" borderId="4" xfId="0" applyFont="1" applyBorder="1" applyAlignment="1">
      <alignment horizontal="justify" vertical="top" wrapText="1"/>
    </xf>
    <xf numFmtId="0" fontId="6" fillId="0" borderId="9" xfId="0" applyFont="1" applyBorder="1" applyAlignment="1">
      <alignment horizontal="justify" vertical="top" wrapText="1"/>
    </xf>
    <xf numFmtId="0" fontId="6" fillId="0" borderId="5" xfId="0" applyFont="1" applyBorder="1" applyAlignment="1">
      <alignment horizontal="justify" vertical="top"/>
    </xf>
    <xf numFmtId="0" fontId="0" fillId="0" borderId="0" xfId="0" applyBorder="1" applyAlignment="1">
      <alignment horizontal="center" vertical="center"/>
    </xf>
    <xf numFmtId="0" fontId="8" fillId="0" borderId="4" xfId="0" applyFont="1" applyBorder="1" applyAlignment="1">
      <alignment horizontal="justify" vertical="top" wrapText="1"/>
    </xf>
    <xf numFmtId="0" fontId="8" fillId="0" borderId="5" xfId="0" applyFont="1" applyBorder="1" applyAlignment="1">
      <alignment horizontal="justify" vertical="top" wrapText="1"/>
    </xf>
    <xf numFmtId="0" fontId="1" fillId="0" borderId="10" xfId="0" applyFont="1" applyBorder="1"/>
    <xf numFmtId="0" fontId="1" fillId="0" borderId="2" xfId="0" applyFont="1" applyBorder="1" applyAlignment="1">
      <alignment horizontal="justify" vertical="top" wrapText="1"/>
    </xf>
    <xf numFmtId="0" fontId="1" fillId="0" borderId="13" xfId="0" applyFont="1" applyBorder="1" applyAlignment="1">
      <alignment horizontal="justify" vertical="top" wrapText="1"/>
    </xf>
    <xf numFmtId="0" fontId="4" fillId="0" borderId="10" xfId="0" applyFont="1" applyBorder="1" applyAlignment="1">
      <alignment horizontal="justify" vertical="top" wrapText="1"/>
    </xf>
    <xf numFmtId="0" fontId="4" fillId="0" borderId="0" xfId="0" applyFont="1" applyBorder="1" applyAlignment="1">
      <alignment horizontal="justify" vertical="top" wrapText="1"/>
    </xf>
    <xf numFmtId="0" fontId="4" fillId="0" borderId="16" xfId="0" applyFont="1" applyBorder="1" applyAlignment="1">
      <alignment horizontal="justify" vertical="top" wrapText="1"/>
    </xf>
    <xf numFmtId="0" fontId="0" fillId="0" borderId="17" xfId="0" applyBorder="1"/>
    <xf numFmtId="0" fontId="0" fillId="0" borderId="18" xfId="0" applyBorder="1"/>
    <xf numFmtId="0" fontId="0" fillId="0" borderId="19" xfId="0" applyBorder="1"/>
    <xf numFmtId="0" fontId="1" fillId="0" borderId="0" xfId="0" applyFont="1" applyBorder="1" applyAlignment="1">
      <alignment horizontal="justify" vertical="top" wrapText="1"/>
    </xf>
    <xf numFmtId="0" fontId="5" fillId="0" borderId="15" xfId="0" applyFont="1" applyBorder="1" applyAlignment="1">
      <alignment horizontal="justify" vertical="top" wrapText="1"/>
    </xf>
    <xf numFmtId="0" fontId="1" fillId="0" borderId="10" xfId="0" applyFont="1" applyBorder="1" applyAlignment="1">
      <alignment horizontal="justify" vertical="top" wrapText="1"/>
    </xf>
    <xf numFmtId="0" fontId="5" fillId="0" borderId="0" xfId="0" applyFont="1" applyBorder="1" applyAlignment="1">
      <alignment horizontal="justify" vertical="top" wrapText="1"/>
    </xf>
    <xf numFmtId="0" fontId="5" fillId="0" borderId="16" xfId="0" applyFont="1" applyBorder="1" applyAlignment="1">
      <alignment horizontal="justify" vertical="top" wrapText="1"/>
    </xf>
    <xf numFmtId="0" fontId="0" fillId="0" borderId="17" xfId="0" applyFont="1" applyBorder="1"/>
    <xf numFmtId="0" fontId="0" fillId="0" borderId="18" xfId="0" applyFont="1" applyBorder="1"/>
    <xf numFmtId="0" fontId="0" fillId="0" borderId="19" xfId="0" applyFont="1" applyBorder="1"/>
    <xf numFmtId="0" fontId="0" fillId="0" borderId="0" xfId="0" applyBorder="1"/>
    <xf numFmtId="0" fontId="4" fillId="0" borderId="1" xfId="0" applyFont="1" applyBorder="1" applyAlignment="1">
      <alignment horizontal="justify" vertical="top" wrapText="1"/>
    </xf>
    <xf numFmtId="0" fontId="4" fillId="0" borderId="2" xfId="0" applyFont="1" applyBorder="1" applyAlignment="1">
      <alignment horizontal="justify" vertical="top" wrapText="1"/>
    </xf>
    <xf numFmtId="0" fontId="4" fillId="0" borderId="3" xfId="0" applyFont="1" applyBorder="1" applyAlignment="1">
      <alignment horizontal="justify" vertical="top" wrapText="1"/>
    </xf>
    <xf numFmtId="0" fontId="1" fillId="0" borderId="11" xfId="0" applyFont="1" applyBorder="1" applyAlignment="1">
      <alignment horizontal="justify" vertical="top" wrapText="1"/>
    </xf>
    <xf numFmtId="0" fontId="1" fillId="0" borderId="2" xfId="0" applyFont="1" applyBorder="1" applyAlignment="1">
      <alignment horizontal="justify" vertical="top" wrapText="1"/>
    </xf>
    <xf numFmtId="0" fontId="1" fillId="0" borderId="7" xfId="0" applyFont="1" applyBorder="1" applyAlignment="1">
      <alignment horizontal="justify" vertical="top" wrapText="1"/>
    </xf>
    <xf numFmtId="0" fontId="5" fillId="0" borderId="11" xfId="0" applyFont="1" applyBorder="1" applyAlignment="1">
      <alignment horizontal="justify" vertical="top" wrapText="1"/>
    </xf>
    <xf numFmtId="0" fontId="5" fillId="0" borderId="7" xfId="0" applyFont="1" applyBorder="1" applyAlignment="1">
      <alignment horizontal="justify" vertical="top" wrapText="1"/>
    </xf>
    <xf numFmtId="0" fontId="1" fillId="0" borderId="3" xfId="0" applyFont="1" applyBorder="1" applyAlignment="1">
      <alignment horizontal="justify" vertical="top" wrapText="1"/>
    </xf>
    <xf numFmtId="0" fontId="5" fillId="0" borderId="2" xfId="0" applyFont="1" applyBorder="1" applyAlignment="1">
      <alignment horizontal="justify" vertical="top" wrapText="1"/>
    </xf>
    <xf numFmtId="0" fontId="5" fillId="0" borderId="3" xfId="0" applyFont="1" applyBorder="1" applyAlignment="1">
      <alignment horizontal="justify" vertical="top" wrapText="1"/>
    </xf>
    <xf numFmtId="0" fontId="0" fillId="0" borderId="2" xfId="0" applyBorder="1" applyAlignment="1">
      <alignment vertical="top" wrapText="1"/>
    </xf>
    <xf numFmtId="0" fontId="0" fillId="0" borderId="7" xfId="0" applyBorder="1" applyAlignment="1">
      <alignment vertical="top" wrapText="1"/>
    </xf>
    <xf numFmtId="0" fontId="5" fillId="0" borderId="1" xfId="0" applyFont="1" applyBorder="1" applyAlignment="1">
      <alignment horizontal="justify" vertical="top" wrapText="1"/>
    </xf>
    <xf numFmtId="0" fontId="0" fillId="0" borderId="2" xfId="0" applyBorder="1" applyAlignment="1">
      <alignment horizontal="justify" vertical="top" wrapText="1"/>
    </xf>
    <xf numFmtId="0" fontId="0" fillId="0" borderId="7" xfId="0" applyBorder="1" applyAlignment="1">
      <alignment horizontal="justify" vertical="top" wrapText="1"/>
    </xf>
    <xf numFmtId="0" fontId="8" fillId="0" borderId="11" xfId="0" applyFont="1" applyBorder="1" applyAlignment="1">
      <alignment horizontal="justify" vertical="top" wrapText="1"/>
    </xf>
    <xf numFmtId="0" fontId="1" fillId="0" borderId="1" xfId="0" applyFont="1" applyBorder="1" applyAlignment="1">
      <alignment horizontal="left" vertical="top" wrapText="1"/>
    </xf>
    <xf numFmtId="0" fontId="1" fillId="0" borderId="2" xfId="0" applyFont="1" applyBorder="1" applyAlignment="1">
      <alignment horizontal="left" vertical="top" wrapText="1"/>
    </xf>
    <xf numFmtId="0" fontId="1" fillId="0" borderId="7" xfId="0" applyFont="1" applyBorder="1" applyAlignment="1">
      <alignment horizontal="left" vertical="top" wrapText="1"/>
    </xf>
    <xf numFmtId="0" fontId="1" fillId="0" borderId="12" xfId="0" applyFont="1" applyBorder="1" applyAlignment="1">
      <alignment horizontal="center" vertical="top" wrapText="1"/>
    </xf>
    <xf numFmtId="0" fontId="1" fillId="0" borderId="13" xfId="0" applyFont="1" applyBorder="1" applyAlignment="1">
      <alignment horizontal="center" vertical="top" wrapText="1"/>
    </xf>
    <xf numFmtId="0" fontId="1" fillId="0" borderId="23" xfId="0" applyFont="1" applyBorder="1" applyAlignment="1">
      <alignment horizontal="center" vertical="top" wrapText="1"/>
    </xf>
    <xf numFmtId="0" fontId="1" fillId="0" borderId="14" xfId="0" applyFont="1" applyBorder="1" applyAlignment="1">
      <alignment horizontal="center" vertical="top" wrapText="1"/>
    </xf>
    <xf numFmtId="0" fontId="1" fillId="0" borderId="15" xfId="0" applyFont="1" applyBorder="1" applyAlignment="1">
      <alignment horizontal="center" vertical="top" wrapText="1"/>
    </xf>
    <xf numFmtId="0" fontId="1" fillId="0" borderId="24" xfId="0" applyFont="1" applyBorder="1" applyAlignment="1">
      <alignment horizontal="center" vertical="top" wrapText="1"/>
    </xf>
    <xf numFmtId="0" fontId="2" fillId="0" borderId="0" xfId="0" applyFont="1" applyBorder="1" applyAlignment="1">
      <alignment horizontal="justify"/>
    </xf>
    <xf numFmtId="0" fontId="9" fillId="0" borderId="0" xfId="0" applyFont="1" applyBorder="1" applyAlignment="1"/>
    <xf numFmtId="0" fontId="0" fillId="0" borderId="20" xfId="0" applyBorder="1" applyAlignment="1">
      <alignment horizontal="left" vertical="top" wrapText="1"/>
    </xf>
    <xf numFmtId="0" fontId="0" fillId="0" borderId="21" xfId="0" applyBorder="1" applyAlignment="1">
      <alignment horizontal="left" vertical="top" wrapText="1"/>
    </xf>
    <xf numFmtId="0" fontId="0" fillId="0" borderId="22" xfId="0" applyBorder="1" applyAlignment="1">
      <alignment horizontal="left" vertical="top" wrapText="1"/>
    </xf>
    <xf numFmtId="0" fontId="1" fillId="0" borderId="1" xfId="0" applyFont="1" applyBorder="1" applyAlignment="1">
      <alignment horizontal="justify"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106680</xdr:colOff>
      <xdr:row>3</xdr:row>
      <xdr:rowOff>0</xdr:rowOff>
    </xdr:from>
    <xdr:to>
      <xdr:col>2</xdr:col>
      <xdr:colOff>2011680</xdr:colOff>
      <xdr:row>5</xdr:row>
      <xdr:rowOff>0</xdr:rowOff>
    </xdr:to>
    <xdr:sp macro="" textlink="">
      <xdr:nvSpPr>
        <xdr:cNvPr id="1060" name="AutoShape 4">
          <a:extLst>
            <a:ext uri="{FF2B5EF4-FFF2-40B4-BE49-F238E27FC236}">
              <a16:creationId xmlns:a16="http://schemas.microsoft.com/office/drawing/2014/main" id="{00000000-0008-0000-0000-000024040000}"/>
            </a:ext>
          </a:extLst>
        </xdr:cNvPr>
        <xdr:cNvSpPr>
          <a:spLocks noChangeArrowheads="1"/>
        </xdr:cNvSpPr>
      </xdr:nvSpPr>
      <xdr:spPr bwMode="auto">
        <a:xfrm>
          <a:off x="1417320" y="594360"/>
          <a:ext cx="1905000" cy="39624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68580</xdr:colOff>
      <xdr:row>0</xdr:row>
      <xdr:rowOff>0</xdr:rowOff>
    </xdr:from>
    <xdr:to>
      <xdr:col>2</xdr:col>
      <xdr:colOff>1927860</xdr:colOff>
      <xdr:row>0</xdr:row>
      <xdr:rowOff>0</xdr:rowOff>
    </xdr:to>
    <xdr:sp macro="" textlink="">
      <xdr:nvSpPr>
        <xdr:cNvPr id="2061" name="AutoShape 1">
          <a:extLst>
            <a:ext uri="{FF2B5EF4-FFF2-40B4-BE49-F238E27FC236}">
              <a16:creationId xmlns:a16="http://schemas.microsoft.com/office/drawing/2014/main" id="{00000000-0008-0000-0100-00000D080000}"/>
            </a:ext>
          </a:extLst>
        </xdr:cNvPr>
        <xdr:cNvSpPr>
          <a:spLocks noChangeArrowheads="1"/>
        </xdr:cNvSpPr>
      </xdr:nvSpPr>
      <xdr:spPr bwMode="auto">
        <a:xfrm>
          <a:off x="1379220" y="0"/>
          <a:ext cx="185928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xdr:col>
      <xdr:colOff>106680</xdr:colOff>
      <xdr:row>2</xdr:row>
      <xdr:rowOff>190500</xdr:rowOff>
    </xdr:from>
    <xdr:to>
      <xdr:col>2</xdr:col>
      <xdr:colOff>1996440</xdr:colOff>
      <xdr:row>4</xdr:row>
      <xdr:rowOff>152400</xdr:rowOff>
    </xdr:to>
    <xdr:sp macro="" textlink="">
      <xdr:nvSpPr>
        <xdr:cNvPr id="2062" name="AutoShape 2">
          <a:extLst>
            <a:ext uri="{FF2B5EF4-FFF2-40B4-BE49-F238E27FC236}">
              <a16:creationId xmlns:a16="http://schemas.microsoft.com/office/drawing/2014/main" id="{00000000-0008-0000-0100-00000E080000}"/>
            </a:ext>
          </a:extLst>
        </xdr:cNvPr>
        <xdr:cNvSpPr>
          <a:spLocks noChangeArrowheads="1"/>
        </xdr:cNvSpPr>
      </xdr:nvSpPr>
      <xdr:spPr bwMode="auto">
        <a:xfrm>
          <a:off x="1417320" y="586740"/>
          <a:ext cx="1889760" cy="35814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F39"/>
  <sheetViews>
    <sheetView tabSelected="1" view="pageBreakPreview" zoomScaleNormal="100" workbookViewId="0">
      <selection activeCell="C4" sqref="C4"/>
    </sheetView>
  </sheetViews>
  <sheetFormatPr defaultRowHeight="13.2"/>
  <cols>
    <col min="1" max="1" width="5" customWidth="1"/>
    <col min="2" max="2" width="14.109375" customWidth="1"/>
    <col min="3" max="3" width="29.88671875" customWidth="1"/>
    <col min="4" max="4" width="33.77734375" customWidth="1"/>
    <col min="5" max="5" width="7.21875" customWidth="1"/>
  </cols>
  <sheetData>
    <row r="1" spans="1:6" ht="16.05" customHeight="1">
      <c r="A1" t="s">
        <v>30</v>
      </c>
      <c r="B1" t="s">
        <v>33</v>
      </c>
      <c r="E1" s="24"/>
    </row>
    <row r="2" spans="1:6" ht="16.05" customHeight="1">
      <c r="A2" s="2"/>
    </row>
    <row r="3" spans="1:6" ht="16.05" customHeight="1">
      <c r="A3" s="3" t="s">
        <v>0</v>
      </c>
      <c r="B3" s="6" t="s">
        <v>2</v>
      </c>
      <c r="C3" s="6" t="s">
        <v>4</v>
      </c>
      <c r="D3" s="45" t="s">
        <v>11</v>
      </c>
      <c r="E3" s="30" t="s">
        <v>5</v>
      </c>
      <c r="F3" s="41" t="s">
        <v>34</v>
      </c>
    </row>
    <row r="4" spans="1:6" ht="16.05" customHeight="1">
      <c r="A4" s="4" t="s">
        <v>1</v>
      </c>
      <c r="B4" s="7" t="s">
        <v>3</v>
      </c>
      <c r="C4" s="7" t="s">
        <v>8</v>
      </c>
      <c r="D4" s="46"/>
      <c r="E4" s="31" t="s">
        <v>6</v>
      </c>
      <c r="F4" s="42" t="s">
        <v>35</v>
      </c>
    </row>
    <row r="5" spans="1:6" ht="16.05" customHeight="1">
      <c r="A5" s="5"/>
      <c r="B5" s="8"/>
      <c r="C5" s="9" t="s">
        <v>9</v>
      </c>
      <c r="D5" s="47"/>
      <c r="E5" s="32" t="s">
        <v>7</v>
      </c>
      <c r="F5" s="43" t="s">
        <v>36</v>
      </c>
    </row>
    <row r="6" spans="1:6" ht="21.75" customHeight="1">
      <c r="A6" s="48">
        <v>1</v>
      </c>
      <c r="B6" s="18"/>
      <c r="C6" s="51"/>
      <c r="D6" s="61"/>
      <c r="E6" s="29"/>
      <c r="F6" s="33"/>
    </row>
    <row r="7" spans="1:6" ht="21.75" customHeight="1">
      <c r="A7" s="49"/>
      <c r="B7" s="23"/>
      <c r="C7" s="56"/>
      <c r="D7" s="59"/>
      <c r="E7" s="36"/>
      <c r="F7" s="34"/>
    </row>
    <row r="8" spans="1:6" ht="21.75" customHeight="1">
      <c r="A8" s="49"/>
      <c r="B8" s="13"/>
      <c r="C8" s="56"/>
      <c r="D8" s="59"/>
      <c r="E8" s="36"/>
      <c r="F8" s="34"/>
    </row>
    <row r="9" spans="1:6" ht="21.75" customHeight="1">
      <c r="A9" s="49"/>
      <c r="C9" s="56"/>
      <c r="D9" s="59"/>
      <c r="E9" s="36"/>
      <c r="F9" s="34"/>
    </row>
    <row r="10" spans="1:6" ht="21.75" customHeight="1">
      <c r="A10" s="49"/>
      <c r="B10" s="13"/>
      <c r="C10" s="56"/>
      <c r="D10" s="59"/>
      <c r="E10" s="36"/>
      <c r="F10" s="34"/>
    </row>
    <row r="11" spans="1:6" ht="21.75" customHeight="1">
      <c r="A11" s="49"/>
      <c r="B11" s="13"/>
      <c r="C11" s="56"/>
      <c r="D11" s="59"/>
      <c r="E11" s="36"/>
      <c r="F11" s="34"/>
    </row>
    <row r="12" spans="1:6" ht="21.75" customHeight="1">
      <c r="A12" s="49"/>
      <c r="B12" s="13"/>
      <c r="C12" s="56"/>
      <c r="D12" s="59"/>
      <c r="E12" s="36"/>
      <c r="F12" s="34"/>
    </row>
    <row r="13" spans="1:6" ht="21.75" customHeight="1">
      <c r="A13" s="49"/>
      <c r="B13" s="13"/>
      <c r="C13" s="56"/>
      <c r="D13" s="59"/>
      <c r="E13" s="36"/>
      <c r="F13" s="34"/>
    </row>
    <row r="14" spans="1:6" ht="21.75" customHeight="1">
      <c r="A14" s="49"/>
      <c r="B14" s="13"/>
      <c r="C14" s="56"/>
      <c r="D14" s="59"/>
      <c r="E14" s="36"/>
      <c r="F14" s="34"/>
    </row>
    <row r="15" spans="1:6" ht="21.75" customHeight="1">
      <c r="A15" s="49"/>
      <c r="B15" s="13"/>
      <c r="C15" s="56"/>
      <c r="D15" s="59"/>
      <c r="E15" s="36"/>
      <c r="F15" s="34"/>
    </row>
    <row r="16" spans="1:6" ht="21.75" customHeight="1">
      <c r="A16" s="50"/>
      <c r="B16" s="19"/>
      <c r="C16" s="57"/>
      <c r="D16" s="60"/>
      <c r="E16" s="37"/>
      <c r="F16" s="35"/>
    </row>
    <row r="17" spans="1:6" ht="21.75" customHeight="1">
      <c r="A17" s="62">
        <v>2</v>
      </c>
      <c r="B17" s="21"/>
      <c r="C17" s="58"/>
      <c r="D17" s="58"/>
      <c r="E17" s="38"/>
      <c r="F17" s="33"/>
    </row>
    <row r="18" spans="1:6" ht="21.75" customHeight="1">
      <c r="A18" s="63"/>
      <c r="B18" s="14"/>
      <c r="C18" s="56"/>
      <c r="D18" s="54"/>
      <c r="E18" s="36"/>
      <c r="F18" s="34"/>
    </row>
    <row r="19" spans="1:6" ht="21.75" customHeight="1">
      <c r="A19" s="63"/>
      <c r="B19" s="14"/>
      <c r="C19" s="56"/>
      <c r="D19" s="54"/>
      <c r="E19" s="39"/>
      <c r="F19" s="34"/>
    </row>
    <row r="20" spans="1:6" ht="21.75" customHeight="1">
      <c r="A20" s="63"/>
      <c r="B20" s="14"/>
      <c r="C20" s="56"/>
      <c r="D20" s="59"/>
      <c r="E20" s="39"/>
      <c r="F20" s="34"/>
    </row>
    <row r="21" spans="1:6" ht="21.75" customHeight="1">
      <c r="A21" s="63"/>
      <c r="B21" s="14"/>
      <c r="C21" s="56"/>
      <c r="D21" s="59"/>
      <c r="E21" s="39"/>
      <c r="F21" s="34"/>
    </row>
    <row r="22" spans="1:6" ht="21.75" customHeight="1">
      <c r="A22" s="63"/>
      <c r="B22" s="14"/>
      <c r="C22" s="56"/>
      <c r="D22" s="59"/>
      <c r="E22" s="39"/>
      <c r="F22" s="34"/>
    </row>
    <row r="23" spans="1:6" ht="21.75" customHeight="1">
      <c r="A23" s="63"/>
      <c r="B23" s="14"/>
      <c r="C23" s="56"/>
      <c r="D23" s="59"/>
      <c r="E23" s="39"/>
      <c r="F23" s="34"/>
    </row>
    <row r="24" spans="1:6" ht="21.75" customHeight="1">
      <c r="A24" s="63"/>
      <c r="B24" s="14"/>
      <c r="C24" s="56"/>
      <c r="D24" s="59"/>
      <c r="E24" s="39"/>
      <c r="F24" s="34"/>
    </row>
    <row r="25" spans="1:6" ht="21.75" customHeight="1">
      <c r="A25" s="63"/>
      <c r="B25" s="14"/>
      <c r="C25" s="56"/>
      <c r="D25" s="59"/>
      <c r="E25" s="39"/>
      <c r="F25" s="34"/>
    </row>
    <row r="26" spans="1:6" ht="21.75" customHeight="1">
      <c r="A26" s="64"/>
      <c r="B26" s="22"/>
      <c r="C26" s="57"/>
      <c r="D26" s="60"/>
      <c r="E26" s="37"/>
      <c r="F26" s="35"/>
    </row>
    <row r="27" spans="1:6" ht="21.75" customHeight="1">
      <c r="A27" s="49">
        <v>3</v>
      </c>
      <c r="B27" s="12"/>
      <c r="C27" s="54"/>
      <c r="D27" s="54"/>
      <c r="E27" s="36"/>
      <c r="F27" s="33"/>
    </row>
    <row r="28" spans="1:6" ht="21.75" customHeight="1">
      <c r="A28" s="49"/>
      <c r="B28" s="12"/>
      <c r="C28" s="54"/>
      <c r="D28" s="54"/>
      <c r="E28" s="36"/>
      <c r="F28" s="34"/>
    </row>
    <row r="29" spans="1:6" ht="21.75" customHeight="1">
      <c r="A29" s="49"/>
      <c r="B29" s="12"/>
      <c r="C29" s="54"/>
      <c r="D29" s="54"/>
      <c r="E29" s="36"/>
      <c r="F29" s="34"/>
    </row>
    <row r="30" spans="1:6" ht="21.75" customHeight="1">
      <c r="A30" s="49"/>
      <c r="B30" s="12"/>
      <c r="C30" s="54"/>
      <c r="D30" s="54"/>
      <c r="E30" s="36"/>
      <c r="F30" s="34"/>
    </row>
    <row r="31" spans="1:6" ht="21.75" customHeight="1">
      <c r="A31" s="49"/>
      <c r="B31" s="12"/>
      <c r="C31" s="54"/>
      <c r="D31" s="54"/>
      <c r="E31" s="36"/>
      <c r="F31" s="34"/>
    </row>
    <row r="32" spans="1:6" ht="21.75" customHeight="1">
      <c r="A32" s="49"/>
      <c r="B32" s="12"/>
      <c r="C32" s="54"/>
      <c r="D32" s="54"/>
      <c r="E32" s="36"/>
      <c r="F32" s="34"/>
    </row>
    <row r="33" spans="1:6" ht="21.75" customHeight="1">
      <c r="A33" s="49"/>
      <c r="B33" s="12"/>
      <c r="C33" s="54"/>
      <c r="D33" s="54"/>
      <c r="E33" s="36"/>
      <c r="F33" s="34"/>
    </row>
    <row r="34" spans="1:6" ht="21.75" customHeight="1">
      <c r="A34" s="49"/>
      <c r="B34" s="12"/>
      <c r="C34" s="54"/>
      <c r="D34" s="54"/>
      <c r="E34" s="36"/>
      <c r="F34" s="34"/>
    </row>
    <row r="35" spans="1:6" ht="21.75" customHeight="1">
      <c r="A35" s="49"/>
      <c r="B35" s="12"/>
      <c r="C35" s="54"/>
      <c r="D35" s="54"/>
      <c r="E35" s="36"/>
      <c r="F35" s="34"/>
    </row>
    <row r="36" spans="1:6" ht="21.75" customHeight="1">
      <c r="A36" s="53"/>
      <c r="B36" s="8"/>
      <c r="C36" s="55"/>
      <c r="D36" s="55"/>
      <c r="E36" s="40"/>
      <c r="F36" s="35"/>
    </row>
    <row r="37" spans="1:6" ht="13.2" customHeight="1">
      <c r="A37" s="51" t="s">
        <v>10</v>
      </c>
      <c r="B37" s="65"/>
      <c r="C37" s="66"/>
      <c r="D37" s="66"/>
      <c r="E37" s="66"/>
      <c r="F37" s="67"/>
    </row>
    <row r="38" spans="1:6" ht="45.75" customHeight="1">
      <c r="A38" s="52"/>
      <c r="B38" s="68"/>
      <c r="C38" s="69"/>
      <c r="D38" s="69"/>
      <c r="E38" s="69"/>
      <c r="F38" s="70"/>
    </row>
    <row r="39" spans="1:6" ht="13.8" customHeight="1">
      <c r="A39" s="27"/>
      <c r="B39" s="44"/>
      <c r="C39" s="44"/>
    </row>
  </sheetData>
  <mergeCells count="12">
    <mergeCell ref="D3:D5"/>
    <mergeCell ref="A6:A16"/>
    <mergeCell ref="A37:A38"/>
    <mergeCell ref="A27:A36"/>
    <mergeCell ref="C27:C36"/>
    <mergeCell ref="C6:C16"/>
    <mergeCell ref="C17:C26"/>
    <mergeCell ref="D17:D26"/>
    <mergeCell ref="D6:D16"/>
    <mergeCell ref="D27:D36"/>
    <mergeCell ref="A17:A26"/>
    <mergeCell ref="B37:F38"/>
  </mergeCells>
  <phoneticPr fontId="7"/>
  <pageMargins left="0.75" right="0.75" top="1" bottom="1" header="0.51200000000000001" footer="0.51200000000000001"/>
  <pageSetup paperSize="9" scale="86" firstPageNumber="17" orientation="portrait" useFirstPageNumber="1" horizontalDpi="4294967294"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F38"/>
  <sheetViews>
    <sheetView view="pageBreakPreview" zoomScaleNormal="100" workbookViewId="0">
      <selection sqref="A1:F1"/>
    </sheetView>
  </sheetViews>
  <sheetFormatPr defaultRowHeight="13.2"/>
  <cols>
    <col min="1" max="1" width="5" customWidth="1"/>
    <col min="2" max="2" width="14.109375" customWidth="1"/>
    <col min="3" max="3" width="29.88671875" customWidth="1"/>
    <col min="4" max="4" width="33.77734375" customWidth="1"/>
    <col min="5" max="5" width="7.21875" customWidth="1"/>
  </cols>
  <sheetData>
    <row r="1" spans="1:6" ht="16.05" customHeight="1">
      <c r="A1" s="71" t="s">
        <v>12</v>
      </c>
      <c r="B1" s="72"/>
      <c r="C1" s="72"/>
      <c r="D1" s="44"/>
      <c r="E1" s="44"/>
      <c r="F1" s="44"/>
    </row>
    <row r="2" spans="1:6" ht="16.05" customHeight="1">
      <c r="A2" s="2"/>
    </row>
    <row r="3" spans="1:6" ht="16.05" customHeight="1">
      <c r="A3" s="3" t="s">
        <v>0</v>
      </c>
      <c r="B3" s="6" t="s">
        <v>2</v>
      </c>
      <c r="C3" s="6" t="s">
        <v>4</v>
      </c>
      <c r="D3" s="45" t="s">
        <v>11</v>
      </c>
      <c r="E3" s="6" t="s">
        <v>5</v>
      </c>
      <c r="F3" s="41" t="s">
        <v>34</v>
      </c>
    </row>
    <row r="4" spans="1:6" ht="16.05" customHeight="1">
      <c r="A4" s="4" t="s">
        <v>1</v>
      </c>
      <c r="B4" s="7" t="s">
        <v>3</v>
      </c>
      <c r="C4" s="7" t="s">
        <v>24</v>
      </c>
      <c r="D4" s="46"/>
      <c r="E4" s="7" t="s">
        <v>6</v>
      </c>
      <c r="F4" s="42" t="s">
        <v>35</v>
      </c>
    </row>
    <row r="5" spans="1:6" ht="16.05" customHeight="1">
      <c r="A5" s="5"/>
      <c r="B5" s="8"/>
      <c r="C5" s="9" t="s">
        <v>25</v>
      </c>
      <c r="D5" s="47"/>
      <c r="E5" s="9" t="s">
        <v>7</v>
      </c>
      <c r="F5" s="43" t="s">
        <v>36</v>
      </c>
    </row>
    <row r="6" spans="1:6" ht="21.75" customHeight="1">
      <c r="A6" s="48">
        <v>1</v>
      </c>
      <c r="B6" s="18" t="s">
        <v>13</v>
      </c>
      <c r="C6" s="51" t="s">
        <v>32</v>
      </c>
      <c r="D6" s="61" t="s">
        <v>14</v>
      </c>
      <c r="E6" s="17" t="s">
        <v>15</v>
      </c>
      <c r="F6" s="73" t="s">
        <v>37</v>
      </c>
    </row>
    <row r="7" spans="1:6" ht="21.75" customHeight="1">
      <c r="A7" s="49"/>
      <c r="B7" s="23" t="s">
        <v>26</v>
      </c>
      <c r="C7" s="56"/>
      <c r="D7" s="59"/>
      <c r="E7" s="10"/>
      <c r="F7" s="74"/>
    </row>
    <row r="8" spans="1:6" ht="21.75" customHeight="1">
      <c r="A8" s="49"/>
      <c r="B8" s="13" t="s">
        <v>27</v>
      </c>
      <c r="C8" s="56"/>
      <c r="D8" s="59"/>
      <c r="E8" s="10"/>
      <c r="F8" s="74"/>
    </row>
    <row r="9" spans="1:6" ht="21.75" customHeight="1">
      <c r="A9" s="49"/>
      <c r="C9" s="56"/>
      <c r="D9" s="59"/>
      <c r="E9" s="10"/>
      <c r="F9" s="74"/>
    </row>
    <row r="10" spans="1:6" ht="21.75" customHeight="1">
      <c r="A10" s="49"/>
      <c r="B10" s="13"/>
      <c r="C10" s="56"/>
      <c r="D10" s="59"/>
      <c r="E10" s="10"/>
      <c r="F10" s="74"/>
    </row>
    <row r="11" spans="1:6" ht="21.75" customHeight="1">
      <c r="A11" s="49"/>
      <c r="B11" s="13"/>
      <c r="C11" s="56"/>
      <c r="D11" s="59"/>
      <c r="E11" s="10"/>
      <c r="F11" s="74"/>
    </row>
    <row r="12" spans="1:6" ht="21.75" customHeight="1">
      <c r="A12" s="49"/>
      <c r="B12" s="13"/>
      <c r="C12" s="56"/>
      <c r="D12" s="59"/>
      <c r="E12" s="10"/>
      <c r="F12" s="74"/>
    </row>
    <row r="13" spans="1:6" ht="21.75" customHeight="1">
      <c r="A13" s="49"/>
      <c r="B13" s="13"/>
      <c r="C13" s="56"/>
      <c r="D13" s="59"/>
      <c r="E13" s="10"/>
      <c r="F13" s="74"/>
    </row>
    <row r="14" spans="1:6" ht="21.75" customHeight="1">
      <c r="A14" s="49"/>
      <c r="B14" s="13"/>
      <c r="C14" s="56"/>
      <c r="D14" s="59"/>
      <c r="E14" s="10"/>
      <c r="F14" s="74"/>
    </row>
    <row r="15" spans="1:6" ht="21.75" customHeight="1">
      <c r="A15" s="49"/>
      <c r="B15" s="13"/>
      <c r="C15" s="56"/>
      <c r="D15" s="59"/>
      <c r="E15" s="10"/>
      <c r="F15" s="75"/>
    </row>
    <row r="16" spans="1:6" ht="21.75" customHeight="1">
      <c r="A16" s="76">
        <v>2</v>
      </c>
      <c r="B16" s="21" t="s">
        <v>16</v>
      </c>
      <c r="C16" s="58" t="s">
        <v>17</v>
      </c>
      <c r="D16" s="58" t="s">
        <v>18</v>
      </c>
      <c r="E16" s="25" t="s">
        <v>19</v>
      </c>
      <c r="F16" s="33" t="s">
        <v>38</v>
      </c>
    </row>
    <row r="17" spans="1:6" ht="21.75" customHeight="1">
      <c r="A17" s="49"/>
      <c r="B17" s="14" t="s">
        <v>20</v>
      </c>
      <c r="C17" s="56"/>
      <c r="D17" s="54"/>
      <c r="E17" s="10"/>
      <c r="F17" s="34"/>
    </row>
    <row r="18" spans="1:6" ht="21.75" customHeight="1">
      <c r="A18" s="49"/>
      <c r="B18" s="14" t="s">
        <v>28</v>
      </c>
      <c r="C18" s="56"/>
      <c r="D18" s="54"/>
      <c r="E18" s="12"/>
      <c r="F18" s="34"/>
    </row>
    <row r="19" spans="1:6" ht="21.75" customHeight="1">
      <c r="A19" s="11"/>
      <c r="B19" s="14"/>
      <c r="C19" s="56"/>
      <c r="D19" s="59"/>
      <c r="E19" s="12"/>
      <c r="F19" s="34"/>
    </row>
    <row r="20" spans="1:6" ht="21.75" customHeight="1">
      <c r="A20" s="11"/>
      <c r="B20" s="14"/>
      <c r="C20" s="56"/>
      <c r="D20" s="59"/>
      <c r="E20" s="12"/>
      <c r="F20" s="34"/>
    </row>
    <row r="21" spans="1:6" ht="21.75" customHeight="1">
      <c r="A21" s="11"/>
      <c r="B21" s="14"/>
      <c r="C21" s="56"/>
      <c r="D21" s="59"/>
      <c r="E21" s="12"/>
      <c r="F21" s="34"/>
    </row>
    <row r="22" spans="1:6" ht="21.75" customHeight="1">
      <c r="A22" s="11"/>
      <c r="B22" s="14"/>
      <c r="C22" s="56"/>
      <c r="D22" s="59"/>
      <c r="E22" s="12"/>
      <c r="F22" s="34"/>
    </row>
    <row r="23" spans="1:6" ht="21.75" customHeight="1">
      <c r="A23" s="11"/>
      <c r="B23" s="14"/>
      <c r="C23" s="56"/>
      <c r="D23" s="59"/>
      <c r="E23" s="12"/>
      <c r="F23" s="34"/>
    </row>
    <row r="24" spans="1:6" ht="21.75" customHeight="1">
      <c r="A24" s="28"/>
      <c r="B24" s="14"/>
      <c r="C24" s="56"/>
      <c r="D24" s="59"/>
      <c r="E24" s="12"/>
      <c r="F24" s="34"/>
    </row>
    <row r="25" spans="1:6" ht="21.75" customHeight="1">
      <c r="A25" s="16"/>
      <c r="B25" s="22"/>
      <c r="C25" s="57"/>
      <c r="D25" s="60"/>
      <c r="E25" s="20"/>
      <c r="F25" s="34"/>
    </row>
    <row r="26" spans="1:6" ht="21.75" customHeight="1">
      <c r="A26" s="49">
        <v>3</v>
      </c>
      <c r="B26" s="12" t="s">
        <v>21</v>
      </c>
      <c r="C26" s="54" t="s">
        <v>31</v>
      </c>
      <c r="D26" s="54"/>
      <c r="E26" s="26" t="s">
        <v>22</v>
      </c>
      <c r="F26" s="73" t="s">
        <v>39</v>
      </c>
    </row>
    <row r="27" spans="1:6" ht="21.75" customHeight="1">
      <c r="A27" s="49"/>
      <c r="B27" s="12" t="s">
        <v>23</v>
      </c>
      <c r="C27" s="54"/>
      <c r="D27" s="54"/>
      <c r="E27" s="10"/>
      <c r="F27" s="74"/>
    </row>
    <row r="28" spans="1:6" ht="21.75" customHeight="1">
      <c r="A28" s="49"/>
      <c r="B28" s="12"/>
      <c r="C28" s="54"/>
      <c r="D28" s="54"/>
      <c r="E28" s="10"/>
      <c r="F28" s="74"/>
    </row>
    <row r="29" spans="1:6" ht="21.75" customHeight="1">
      <c r="A29" s="49"/>
      <c r="B29" s="12"/>
      <c r="C29" s="54"/>
      <c r="D29" s="54"/>
      <c r="E29" s="10"/>
      <c r="F29" s="74"/>
    </row>
    <row r="30" spans="1:6" ht="21.75" customHeight="1">
      <c r="A30" s="49"/>
      <c r="B30" s="12"/>
      <c r="C30" s="54"/>
      <c r="D30" s="54"/>
      <c r="E30" s="10"/>
      <c r="F30" s="74"/>
    </row>
    <row r="31" spans="1:6" ht="21.75" customHeight="1">
      <c r="A31" s="49"/>
      <c r="B31" s="12"/>
      <c r="C31" s="54"/>
      <c r="D31" s="54"/>
      <c r="E31" s="10"/>
      <c r="F31" s="74"/>
    </row>
    <row r="32" spans="1:6" ht="21.75" customHeight="1">
      <c r="A32" s="49"/>
      <c r="B32" s="12"/>
      <c r="C32" s="54"/>
      <c r="D32" s="54"/>
      <c r="E32" s="10"/>
      <c r="F32" s="74"/>
    </row>
    <row r="33" spans="1:6" ht="21.75" customHeight="1">
      <c r="A33" s="49"/>
      <c r="B33" s="12"/>
      <c r="C33" s="54"/>
      <c r="D33" s="54"/>
      <c r="E33" s="10"/>
      <c r="F33" s="74"/>
    </row>
    <row r="34" spans="1:6" ht="21.75" customHeight="1">
      <c r="A34" s="49"/>
      <c r="B34" s="12"/>
      <c r="C34" s="54"/>
      <c r="D34" s="54"/>
      <c r="E34" s="10"/>
      <c r="F34" s="74"/>
    </row>
    <row r="35" spans="1:6" ht="21.75" customHeight="1">
      <c r="A35" s="53"/>
      <c r="B35" s="8"/>
      <c r="C35" s="55"/>
      <c r="D35" s="55"/>
      <c r="E35" s="15"/>
      <c r="F35" s="75"/>
    </row>
    <row r="36" spans="1:6" ht="13.2" customHeight="1">
      <c r="A36" s="51" t="s">
        <v>29</v>
      </c>
      <c r="B36" s="65"/>
      <c r="C36" s="66"/>
      <c r="D36" s="66"/>
      <c r="E36" s="66"/>
      <c r="F36" s="67"/>
    </row>
    <row r="37" spans="1:6" ht="48.75" customHeight="1">
      <c r="A37" s="52"/>
      <c r="B37" s="68"/>
      <c r="C37" s="69"/>
      <c r="D37" s="69"/>
      <c r="E37" s="69"/>
      <c r="F37" s="70"/>
    </row>
    <row r="38" spans="1:6" ht="13.8" customHeight="1">
      <c r="A38" s="1"/>
      <c r="F38" s="44"/>
    </row>
  </sheetData>
  <mergeCells count="15">
    <mergeCell ref="F26:F35"/>
    <mergeCell ref="A36:A37"/>
    <mergeCell ref="A16:A18"/>
    <mergeCell ref="A26:A35"/>
    <mergeCell ref="D26:D35"/>
    <mergeCell ref="C26:C35"/>
    <mergeCell ref="C16:C25"/>
    <mergeCell ref="D16:D25"/>
    <mergeCell ref="B36:F37"/>
    <mergeCell ref="A1:C1"/>
    <mergeCell ref="D3:D5"/>
    <mergeCell ref="A6:A15"/>
    <mergeCell ref="C6:C15"/>
    <mergeCell ref="F6:F15"/>
    <mergeCell ref="D6:D15"/>
  </mergeCells>
  <phoneticPr fontId="7"/>
  <pageMargins left="0.75" right="0.75" top="1" bottom="1" header="0.51200000000000001" footer="0.51200000000000001"/>
  <pageSetup paperSize="9" scale="84" firstPageNumber="17" orientation="portrait" useFirstPageNumber="1" horizontalDpi="4294967294"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４号別紙</vt:lpstr>
      <vt:lpstr>記入例</vt:lpstr>
      <vt:lpstr>記入例!Print_Area</vt:lpstr>
      <vt:lpstr>様式４号別紙!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26-04-07T08:16:37Z</cp:lastPrinted>
  <dcterms:created xsi:type="dcterms:W3CDTF">2006-01-19T10:29:15Z</dcterms:created>
  <dcterms:modified xsi:type="dcterms:W3CDTF">2026-04-07T08:17:47Z</dcterms:modified>
</cp:coreProperties>
</file>